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eewold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D6970769-DE69-987A-53CD-0800930423A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5623" y="4840285"/>
            <a:ext cx="2878945" cy="179070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F6C9A381-B622-00CB-AA60-BF2A83CFF1E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3453" y="4151085"/>
            <a:ext cx="1877233" cy="116763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5-21T12:10:33Z</dcterms:modified>
</cp:coreProperties>
</file>